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di-personaADM\users\Staff\s0731736\Desktop\"/>
    </mc:Choice>
  </mc:AlternateContent>
  <bookViews>
    <workbookView xWindow="0" yWindow="0" windowWidth="21510" windowHeight="11730" activeTab="2"/>
  </bookViews>
  <sheets>
    <sheet name="Cognitive Domain" sheetId="2" r:id="rId1"/>
    <sheet name="Psychomotor" sheetId="3" r:id="rId2"/>
    <sheet name="Affective" sheetId="4" r:id="rId3"/>
  </sheets>
  <calcPr calcId="0"/>
</workbook>
</file>

<file path=xl/sharedStrings.xml><?xml version="1.0" encoding="utf-8"?>
<sst xmlns="http://schemas.openxmlformats.org/spreadsheetml/2006/main" count="480" uniqueCount="378">
  <si>
    <t>Remember</t>
  </si>
  <si>
    <t>Understand</t>
  </si>
  <si>
    <t>Apply</t>
  </si>
  <si>
    <t>Analyze</t>
  </si>
  <si>
    <t>Evaluate</t>
  </si>
  <si>
    <t>Create</t>
  </si>
  <si>
    <t>Cite</t>
  </si>
  <si>
    <t>Count</t>
  </si>
  <si>
    <t>Define</t>
  </si>
  <si>
    <t>Describe</t>
  </si>
  <si>
    <t>Draw</t>
  </si>
  <si>
    <t>Enumerate</t>
  </si>
  <si>
    <t>Identify</t>
  </si>
  <si>
    <t>Index</t>
  </si>
  <si>
    <t>Indicate</t>
  </si>
  <si>
    <t>Label</t>
  </si>
  <si>
    <t>List</t>
  </si>
  <si>
    <t>Match</t>
  </si>
  <si>
    <t>Meet</t>
  </si>
  <si>
    <t>Name</t>
  </si>
  <si>
    <t>Outline</t>
  </si>
  <si>
    <t>Point</t>
  </si>
  <si>
    <t>Quote</t>
  </si>
  <si>
    <t>Read</t>
  </si>
  <si>
    <t>Recall</t>
  </si>
  <si>
    <t>Recite</t>
  </si>
  <si>
    <t>Recognize</t>
  </si>
  <si>
    <t>Record</t>
  </si>
  <si>
    <t>Repeat</t>
  </si>
  <si>
    <t>Reproduce</t>
  </si>
  <si>
    <t>Review</t>
  </si>
  <si>
    <t>Select</t>
  </si>
  <si>
    <t>State</t>
  </si>
  <si>
    <t>Study</t>
  </si>
  <si>
    <t>Tabulate</t>
  </si>
  <si>
    <t>Tally</t>
  </si>
  <si>
    <t>Trace</t>
  </si>
  <si>
    <t>Write</t>
  </si>
  <si>
    <t>Approximate</t>
  </si>
  <si>
    <t>Articulate</t>
  </si>
  <si>
    <t>Associate</t>
  </si>
  <si>
    <t>Characterize</t>
  </si>
  <si>
    <t>Clarify</t>
  </si>
  <si>
    <t>Classify</t>
  </si>
  <si>
    <t>Compare</t>
  </si>
  <si>
    <t>Compute</t>
  </si>
  <si>
    <t>Contrast</t>
  </si>
  <si>
    <t>Convert</t>
  </si>
  <si>
    <t>Defend</t>
  </si>
  <si>
    <t>Detail</t>
  </si>
  <si>
    <t>Differentiate</t>
  </si>
  <si>
    <t>Discuss</t>
  </si>
  <si>
    <t>Distinguish</t>
  </si>
  <si>
    <t>Elaborate</t>
  </si>
  <si>
    <t>Estimate</t>
  </si>
  <si>
    <t>Explain</t>
  </si>
  <si>
    <t>Express</t>
  </si>
  <si>
    <t>Extend</t>
  </si>
  <si>
    <t>Factor</t>
  </si>
  <si>
    <t>Generalize</t>
  </si>
  <si>
    <t>Give</t>
  </si>
  <si>
    <t>Infer</t>
  </si>
  <si>
    <t>Interact</t>
  </si>
  <si>
    <t>Interpolate</t>
  </si>
  <si>
    <t>Interpret</t>
  </si>
  <si>
    <t>Observe</t>
  </si>
  <si>
    <t>Paraphrase</t>
  </si>
  <si>
    <t xml:space="preserve">Picture </t>
  </si>
  <si>
    <t xml:space="preserve">   graphically</t>
  </si>
  <si>
    <t>Predict</t>
  </si>
  <si>
    <t>Rewrite</t>
  </si>
  <si>
    <t>Subtract</t>
  </si>
  <si>
    <t>Summarize</t>
  </si>
  <si>
    <t>Translate</t>
  </si>
  <si>
    <t>Visualize</t>
  </si>
  <si>
    <t>Acquire</t>
  </si>
  <si>
    <t>Adapt</t>
  </si>
  <si>
    <t>Allocate</t>
  </si>
  <si>
    <t>Alphabetize</t>
  </si>
  <si>
    <t>Amend</t>
  </si>
  <si>
    <t>Ascertain</t>
  </si>
  <si>
    <t>Assign</t>
  </si>
  <si>
    <t>Attain</t>
  </si>
  <si>
    <t>Avoid</t>
  </si>
  <si>
    <t>Back</t>
  </si>
  <si>
    <t>Calculate</t>
  </si>
  <si>
    <t>Capture</t>
  </si>
  <si>
    <t>Change</t>
  </si>
  <si>
    <t>Chart</t>
  </si>
  <si>
    <t>Complete</t>
  </si>
  <si>
    <t>Concatenate</t>
  </si>
  <si>
    <t>Conduct</t>
  </si>
  <si>
    <t>Construct</t>
  </si>
  <si>
    <t>Consult</t>
  </si>
  <si>
    <t>Convey</t>
  </si>
  <si>
    <t>Coordinate</t>
  </si>
  <si>
    <t>Customize</t>
  </si>
  <si>
    <t>Deliver</t>
  </si>
  <si>
    <t>Demonstrate</t>
  </si>
  <si>
    <t>Depreciate</t>
  </si>
  <si>
    <t>Derive</t>
  </si>
  <si>
    <t>Determine</t>
  </si>
  <si>
    <t>Diminish</t>
  </si>
  <si>
    <t>Discover</t>
  </si>
  <si>
    <t>Divide</t>
  </si>
  <si>
    <t>Employ</t>
  </si>
  <si>
    <t>Engineer</t>
  </si>
  <si>
    <t>Examine</t>
  </si>
  <si>
    <t>Execute</t>
  </si>
  <si>
    <t>Exercise</t>
  </si>
  <si>
    <t>Expand</t>
  </si>
  <si>
    <t>Explore</t>
  </si>
  <si>
    <t>Expose</t>
  </si>
  <si>
    <t>Figure</t>
  </si>
  <si>
    <t>Graph</t>
  </si>
  <si>
    <t>Guide</t>
  </si>
  <si>
    <t>Handle</t>
  </si>
  <si>
    <t>Illustrate</t>
  </si>
  <si>
    <t>Implement</t>
  </si>
  <si>
    <t>Interconvert</t>
  </si>
  <si>
    <t>Investigate</t>
  </si>
  <si>
    <t>Manipulate</t>
  </si>
  <si>
    <t>Modify</t>
  </si>
  <si>
    <t>Multiply</t>
  </si>
  <si>
    <t>Obtain</t>
  </si>
  <si>
    <t>Operate</t>
  </si>
  <si>
    <t>Perform</t>
  </si>
  <si>
    <t>Personalize</t>
  </si>
  <si>
    <t>Plot</t>
  </si>
  <si>
    <t>Practice</t>
  </si>
  <si>
    <t>Prepare</t>
  </si>
  <si>
    <t>Price</t>
  </si>
  <si>
    <t>Process</t>
  </si>
  <si>
    <t>Produce</t>
  </si>
  <si>
    <t>Project</t>
  </si>
  <si>
    <t>Protect</t>
  </si>
  <si>
    <t>Prove</t>
  </si>
  <si>
    <t>Provide</t>
  </si>
  <si>
    <t>Relate</t>
  </si>
  <si>
    <t>Round off</t>
  </si>
  <si>
    <t>Sequence</t>
  </si>
  <si>
    <t>Show</t>
  </si>
  <si>
    <t>Simplify</t>
  </si>
  <si>
    <t>Simulate</t>
  </si>
  <si>
    <t>Sketch</t>
  </si>
  <si>
    <t>Solve</t>
  </si>
  <si>
    <t>Subscribe</t>
  </si>
  <si>
    <t>Transcribe</t>
  </si>
  <si>
    <t>Use</t>
  </si>
  <si>
    <t>Utilize</t>
  </si>
  <si>
    <t>Accept</t>
  </si>
  <si>
    <t>Administer</t>
  </si>
  <si>
    <t>Allow</t>
  </si>
  <si>
    <t>Audit</t>
  </si>
  <si>
    <t>Blueprint</t>
  </si>
  <si>
    <t>Break down</t>
  </si>
  <si>
    <t>Check</t>
  </si>
  <si>
    <t>Chunk</t>
  </si>
  <si>
    <t>Confirm</t>
  </si>
  <si>
    <t>Correlate</t>
  </si>
  <si>
    <t>Corroborate</t>
  </si>
  <si>
    <t>Delegate</t>
  </si>
  <si>
    <t>Detect</t>
  </si>
  <si>
    <t>Diagnose</t>
  </si>
  <si>
    <t>Diagram</t>
  </si>
  <si>
    <t>Direct</t>
  </si>
  <si>
    <t>Discriminate</t>
  </si>
  <si>
    <t>Dissect</t>
  </si>
  <si>
    <t>Document</t>
  </si>
  <si>
    <t>Ensure</t>
  </si>
  <si>
    <t>Establish</t>
  </si>
  <si>
    <t>Extract</t>
  </si>
  <si>
    <t>Extrapolate</t>
  </si>
  <si>
    <t>Figure out</t>
  </si>
  <si>
    <t>File</t>
  </si>
  <si>
    <t>Group</t>
  </si>
  <si>
    <t>Inventory</t>
  </si>
  <si>
    <t>Isolate</t>
  </si>
  <si>
    <t>Lay out</t>
  </si>
  <si>
    <t>Limit</t>
  </si>
  <si>
    <t>Link</t>
  </si>
  <si>
    <t>Manage</t>
  </si>
  <si>
    <t>Maximize</t>
  </si>
  <si>
    <t>Minimize</t>
  </si>
  <si>
    <t>Moderate</t>
  </si>
  <si>
    <t>Monitor</t>
  </si>
  <si>
    <t>Negotiate</t>
  </si>
  <si>
    <t>Optimize</t>
  </si>
  <si>
    <t>Order</t>
  </si>
  <si>
    <t>Point out</t>
  </si>
  <si>
    <t>Prioritize</t>
  </si>
  <si>
    <t>Proofread</t>
  </si>
  <si>
    <t>Query</t>
  </si>
  <si>
    <t>Reconcile</t>
  </si>
  <si>
    <t>Resolve</t>
  </si>
  <si>
    <t>Separate</t>
  </si>
  <si>
    <t>Size up</t>
  </si>
  <si>
    <t>Subdivide</t>
  </si>
  <si>
    <t>Train</t>
  </si>
  <si>
    <t>Transform</t>
  </si>
  <si>
    <t>Troubleshoot</t>
  </si>
  <si>
    <t>Advise</t>
  </si>
  <si>
    <t>Appraise</t>
  </si>
  <si>
    <t>Assess</t>
  </si>
  <si>
    <t>Authenticate</t>
  </si>
  <si>
    <t>Conclude</t>
  </si>
  <si>
    <t>Consolidate</t>
  </si>
  <si>
    <t>Counsel</t>
  </si>
  <si>
    <t>Criticize</t>
  </si>
  <si>
    <t>Critique</t>
  </si>
  <si>
    <t>Grade</t>
  </si>
  <si>
    <t>Hire</t>
  </si>
  <si>
    <t>Judge</t>
  </si>
  <si>
    <t>Justify</t>
  </si>
  <si>
    <t>Measure</t>
  </si>
  <si>
    <t>Mediate</t>
  </si>
  <si>
    <t>Motivate</t>
  </si>
  <si>
    <t>Prescribe</t>
  </si>
  <si>
    <t>Preserve</t>
  </si>
  <si>
    <t>Rank</t>
  </si>
  <si>
    <t>Rate</t>
  </si>
  <si>
    <t>Recommend</t>
  </si>
  <si>
    <t>Release</t>
  </si>
  <si>
    <t>Support</t>
  </si>
  <si>
    <t>Test</t>
  </si>
  <si>
    <t>Uphold</t>
  </si>
  <si>
    <t>Validate</t>
  </si>
  <si>
    <t>Verify</t>
  </si>
  <si>
    <t>Animate</t>
  </si>
  <si>
    <t>Anticipate</t>
  </si>
  <si>
    <t>Arbitrate</t>
  </si>
  <si>
    <t>Arrange</t>
  </si>
  <si>
    <t>Assemble</t>
  </si>
  <si>
    <t>Brief</t>
  </si>
  <si>
    <t>Budget</t>
  </si>
  <si>
    <t>Categorize</t>
  </si>
  <si>
    <t>Code</t>
  </si>
  <si>
    <t>Collect</t>
  </si>
  <si>
    <t>Combine</t>
  </si>
  <si>
    <t>Compile</t>
  </si>
  <si>
    <t>Compose</t>
  </si>
  <si>
    <t>Cope</t>
  </si>
  <si>
    <t>Correspond</t>
  </si>
  <si>
    <t>Cultivate</t>
  </si>
  <si>
    <t>Debug</t>
  </si>
  <si>
    <t>Depict</t>
  </si>
  <si>
    <t>Design</t>
  </si>
  <si>
    <t>Develop</t>
  </si>
  <si>
    <t>Devise</t>
  </si>
  <si>
    <t>Dictate</t>
  </si>
  <si>
    <t>Enhance</t>
  </si>
  <si>
    <t>Exchange</t>
  </si>
  <si>
    <t>Facilitate</t>
  </si>
  <si>
    <t>Forecast</t>
  </si>
  <si>
    <t>Format</t>
  </si>
  <si>
    <t>Formulate</t>
  </si>
  <si>
    <t>Frame</t>
  </si>
  <si>
    <t>Generate</t>
  </si>
  <si>
    <t>Import</t>
  </si>
  <si>
    <t>Improve</t>
  </si>
  <si>
    <t>Incorporate</t>
  </si>
  <si>
    <t>Integrate</t>
  </si>
  <si>
    <t>Interface</t>
  </si>
  <si>
    <t>Join</t>
  </si>
  <si>
    <t>Lecture</t>
  </si>
  <si>
    <t>Model</t>
  </si>
  <si>
    <t>Network</t>
  </si>
  <si>
    <t>Organize</t>
  </si>
  <si>
    <t>Originate</t>
  </si>
  <si>
    <t>Overhaul</t>
  </si>
  <si>
    <t>Plan</t>
  </si>
  <si>
    <t>Portray</t>
  </si>
  <si>
    <t>Program</t>
  </si>
  <si>
    <t>Rearrange</t>
  </si>
  <si>
    <t>Reconstruct</t>
  </si>
  <si>
    <t>Refer</t>
  </si>
  <si>
    <t>Reorganize</t>
  </si>
  <si>
    <t>Revise</t>
  </si>
  <si>
    <t>Specify</t>
  </si>
  <si>
    <t>Teach</t>
  </si>
  <si>
    <t>Unify</t>
  </si>
  <si>
    <t>Communicate</t>
  </si>
  <si>
    <t>Activate</t>
  </si>
  <si>
    <t>Adjust</t>
  </si>
  <si>
    <t>Align</t>
  </si>
  <si>
    <t>Balance</t>
  </si>
  <si>
    <t>Build</t>
  </si>
  <si>
    <t>Calibrate</t>
  </si>
  <si>
    <t>Clean</t>
  </si>
  <si>
    <t>Close</t>
  </si>
  <si>
    <t>Connect</t>
  </si>
  <si>
    <t>Correct</t>
  </si>
  <si>
    <t>Dismantle</t>
  </si>
  <si>
    <t>Drill</t>
  </si>
  <si>
    <t>Fasten</t>
  </si>
  <si>
    <t>Fix</t>
  </si>
  <si>
    <t>Follow</t>
  </si>
  <si>
    <t>Grind</t>
  </si>
  <si>
    <t>Grip</t>
  </si>
  <si>
    <t>Hammer</t>
  </si>
  <si>
    <t>Heat</t>
  </si>
  <si>
    <t>Hook</t>
  </si>
  <si>
    <t>Load</t>
  </si>
  <si>
    <t>Locate</t>
  </si>
  <si>
    <t>Loosen</t>
  </si>
  <si>
    <t>Make</t>
  </si>
  <si>
    <t>Mend</t>
  </si>
  <si>
    <t>Mix</t>
  </si>
  <si>
    <t>Nail</t>
  </si>
  <si>
    <t>Paint</t>
  </si>
  <si>
    <t>Press</t>
  </si>
  <si>
    <t>Pull</t>
  </si>
  <si>
    <t>Push</t>
  </si>
  <si>
    <t>Remove</t>
  </si>
  <si>
    <t>Repair</t>
  </si>
  <si>
    <t>Replace</t>
  </si>
  <si>
    <t>Rotate</t>
  </si>
  <si>
    <t>Sand</t>
  </si>
  <si>
    <t>Transfer</t>
  </si>
  <si>
    <t>Tune</t>
  </si>
  <si>
    <t>Turn on/off</t>
  </si>
  <si>
    <t>Type</t>
  </si>
  <si>
    <t>Saw</t>
  </si>
  <si>
    <t>Sharpen</t>
  </si>
  <si>
    <t>Set</t>
  </si>
  <si>
    <t>Sew</t>
  </si>
  <si>
    <t>Start</t>
  </si>
  <si>
    <t>Stir</t>
  </si>
  <si>
    <t>Weigh</t>
  </si>
  <si>
    <t>Wrap</t>
  </si>
  <si>
    <t>Ask</t>
  </si>
  <si>
    <t>Accept responsibility</t>
  </si>
  <si>
    <t>Associate with</t>
  </si>
  <si>
    <t>Adhere to</t>
  </si>
  <si>
    <t>Act</t>
  </si>
  <si>
    <t>Choose</t>
  </si>
  <si>
    <t>Answer</t>
  </si>
  <si>
    <t>Assume responsibility</t>
  </si>
  <si>
    <t>Alter</t>
  </si>
  <si>
    <t>Change behavior</t>
  </si>
  <si>
    <t>Assist</t>
  </si>
  <si>
    <t>Believe in</t>
  </si>
  <si>
    <t>Develop code of behavior</t>
  </si>
  <si>
    <t>Be willing to comply</t>
  </si>
  <si>
    <t>Be convinced</t>
  </si>
  <si>
    <t>Develop philosophy</t>
  </si>
  <si>
    <t>Hold</t>
  </si>
  <si>
    <t>Conform</t>
  </si>
  <si>
    <t>Influence</t>
  </si>
  <si>
    <t>Enjoy</t>
  </si>
  <si>
    <t>Judge problems/issues</t>
  </si>
  <si>
    <t>Show interest</t>
  </si>
  <si>
    <t>Greet</t>
  </si>
  <si>
    <t>Listen</t>
  </si>
  <si>
    <t>Help</t>
  </si>
  <si>
    <t>Have faith in</t>
  </si>
  <si>
    <t>Form judgments</t>
  </si>
  <si>
    <t>Propose</t>
  </si>
  <si>
    <t>Obey</t>
  </si>
  <si>
    <t>Initiate</t>
  </si>
  <si>
    <t>Identify with</t>
  </si>
  <si>
    <t>Qualify</t>
  </si>
  <si>
    <t>Invite</t>
  </si>
  <si>
    <t>Question</t>
  </si>
  <si>
    <t>Serve</t>
  </si>
  <si>
    <t>Present</t>
  </si>
  <si>
    <t>Weigh alternatives</t>
  </si>
  <si>
    <t>Show mature attitude</t>
  </si>
  <si>
    <t>Report</t>
  </si>
  <si>
    <t>Participate</t>
  </si>
  <si>
    <t>Tell</t>
  </si>
  <si>
    <t>Share</t>
  </si>
  <si>
    <t>Subscribe to</t>
  </si>
  <si>
    <t>Receiving</t>
  </si>
  <si>
    <t>Responding</t>
  </si>
  <si>
    <t>Valuing</t>
  </si>
  <si>
    <t>Organizing</t>
  </si>
  <si>
    <t>Internalizing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.5"/>
      <color theme="1"/>
      <name val="Calibri"/>
      <family val="2"/>
      <scheme val="minor"/>
    </font>
    <font>
      <b/>
      <sz val="10.5"/>
      <color theme="1"/>
      <name val="Calibri"/>
      <family val="2"/>
      <scheme val="minor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0"/>
        <bgColor indexed="64"/>
      </patternFill>
    </fill>
    <fill>
      <patternFill patternType="solid">
        <fgColor theme="4" tint="0.39994506668294322"/>
        <bgColor indexed="64"/>
      </patternFill>
    </fill>
  </fills>
  <borders count="19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22">
    <xf numFmtId="0" fontId="0" fillId="0" borderId="0" xfId="0"/>
    <xf numFmtId="0" fontId="0" fillId="0" borderId="0" xfId="0" applyFont="1"/>
    <xf numFmtId="0" fontId="18" fillId="33" borderId="10" xfId="0" applyFont="1" applyFill="1" applyBorder="1" applyAlignment="1">
      <alignment vertical="top" wrapText="1"/>
    </xf>
    <xf numFmtId="0" fontId="18" fillId="33" borderId="12" xfId="0" applyFont="1" applyFill="1" applyBorder="1" applyAlignment="1">
      <alignment vertical="top" wrapText="1"/>
    </xf>
    <xf numFmtId="0" fontId="19" fillId="33" borderId="13" xfId="0" applyFont="1" applyFill="1" applyBorder="1" applyAlignment="1">
      <alignment vertical="top" wrapText="1"/>
    </xf>
    <xf numFmtId="0" fontId="18" fillId="33" borderId="13" xfId="0" applyFont="1" applyFill="1" applyBorder="1" applyAlignment="1">
      <alignment vertical="top" wrapText="1"/>
    </xf>
    <xf numFmtId="0" fontId="19" fillId="33" borderId="10" xfId="0" applyFont="1" applyFill="1" applyBorder="1" applyAlignment="1">
      <alignment vertical="top" wrapText="1"/>
    </xf>
    <xf numFmtId="0" fontId="19" fillId="33" borderId="12" xfId="0" applyFont="1" applyFill="1" applyBorder="1" applyAlignment="1">
      <alignment vertical="top" wrapText="1"/>
    </xf>
    <xf numFmtId="0" fontId="0" fillId="33" borderId="13" xfId="0" applyFont="1" applyFill="1" applyBorder="1" applyAlignment="1">
      <alignment vertical="top" wrapText="1"/>
    </xf>
    <xf numFmtId="0" fontId="0" fillId="33" borderId="10" xfId="0" applyFont="1" applyFill="1" applyBorder="1" applyAlignment="1">
      <alignment vertical="top" wrapText="1"/>
    </xf>
    <xf numFmtId="0" fontId="0" fillId="33" borderId="12" xfId="0" applyFont="1" applyFill="1" applyBorder="1" applyAlignment="1">
      <alignment vertical="top" wrapText="1"/>
    </xf>
    <xf numFmtId="0" fontId="0" fillId="33" borderId="11" xfId="0" applyFont="1" applyFill="1" applyBorder="1" applyAlignment="1">
      <alignment vertical="top" wrapText="1"/>
    </xf>
    <xf numFmtId="0" fontId="0" fillId="33" borderId="14" xfId="0" applyFont="1" applyFill="1" applyBorder="1" applyAlignment="1">
      <alignment vertical="top" wrapText="1"/>
    </xf>
    <xf numFmtId="0" fontId="18" fillId="33" borderId="15" xfId="0" applyFont="1" applyFill="1" applyBorder="1" applyAlignment="1">
      <alignment vertical="top" wrapText="1"/>
    </xf>
    <xf numFmtId="0" fontId="0" fillId="33" borderId="15" xfId="0" applyFont="1" applyFill="1" applyBorder="1" applyAlignment="1">
      <alignment vertical="top" wrapText="1"/>
    </xf>
    <xf numFmtId="0" fontId="16" fillId="34" borderId="16" xfId="0" applyFont="1" applyFill="1" applyBorder="1" applyAlignment="1">
      <alignment horizontal="center" vertical="top" wrapText="1"/>
    </xf>
    <xf numFmtId="0" fontId="18" fillId="33" borderId="14" xfId="0" applyFont="1" applyFill="1" applyBorder="1" applyAlignment="1">
      <alignment vertical="top" wrapText="1"/>
    </xf>
    <xf numFmtId="0" fontId="16" fillId="34" borderId="17" xfId="0" applyFont="1" applyFill="1" applyBorder="1" applyAlignment="1">
      <alignment horizontal="center" vertical="top" wrapText="1"/>
    </xf>
    <xf numFmtId="0" fontId="0" fillId="34" borderId="18" xfId="0" applyFill="1" applyBorder="1" applyAlignment="1">
      <alignment vertical="top" wrapText="1"/>
    </xf>
    <xf numFmtId="0" fontId="0" fillId="0" borderId="0" xfId="0" applyFont="1" applyAlignment="1">
      <alignment vertical="center"/>
    </xf>
    <xf numFmtId="0" fontId="0" fillId="0" borderId="0" xfId="0" applyFont="1" applyBorder="1" applyAlignment="1">
      <alignment vertical="center"/>
    </xf>
    <xf numFmtId="0" fontId="18" fillId="33" borderId="11" xfId="0" applyFont="1" applyFill="1" applyBorder="1" applyAlignment="1">
      <alignment vertical="top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44"/>
  <sheetViews>
    <sheetView topLeftCell="A25" workbookViewId="0">
      <selection activeCell="A29" sqref="A29:A35"/>
    </sheetView>
  </sheetViews>
  <sheetFormatPr defaultRowHeight="15" x14ac:dyDescent="0.25"/>
  <cols>
    <col min="1" max="1" width="12.5703125" style="1" customWidth="1"/>
    <col min="2" max="3" width="13.28515625" style="1" customWidth="1"/>
    <col min="4" max="4" width="13" style="1" customWidth="1"/>
    <col min="5" max="5" width="13.28515625" style="1" customWidth="1"/>
    <col min="6" max="6" width="13.85546875" style="1" customWidth="1"/>
    <col min="7" max="7" width="13.140625" style="1" customWidth="1"/>
    <col min="8" max="8" width="12.5703125" style="1" customWidth="1"/>
    <col min="9" max="9" width="11.42578125" style="1" customWidth="1"/>
    <col min="10" max="12" width="0" style="1" hidden="1" customWidth="1"/>
    <col min="13" max="16384" width="9.140625" style="1"/>
  </cols>
  <sheetData>
    <row r="1" spans="1:9" x14ac:dyDescent="0.25">
      <c r="A1" s="15" t="s">
        <v>0</v>
      </c>
      <c r="B1" s="15" t="s">
        <v>1</v>
      </c>
      <c r="C1" s="17" t="s">
        <v>2</v>
      </c>
      <c r="D1" s="18"/>
      <c r="E1" s="17" t="s">
        <v>3</v>
      </c>
      <c r="F1" s="18"/>
      <c r="G1" s="15" t="s">
        <v>4</v>
      </c>
      <c r="H1" s="17" t="s">
        <v>5</v>
      </c>
      <c r="I1" s="18"/>
    </row>
    <row r="2" spans="1:9" x14ac:dyDescent="0.25">
      <c r="A2" s="2" t="s">
        <v>6</v>
      </c>
      <c r="B2" s="2" t="s">
        <v>38</v>
      </c>
      <c r="C2" s="3" t="s">
        <v>75</v>
      </c>
      <c r="D2" s="4" t="s">
        <v>56</v>
      </c>
      <c r="E2" s="3" t="s">
        <v>150</v>
      </c>
      <c r="F2" s="5" t="s">
        <v>175</v>
      </c>
      <c r="G2" s="2" t="s">
        <v>201</v>
      </c>
      <c r="H2" s="3" t="s">
        <v>228</v>
      </c>
      <c r="I2" s="5" t="s">
        <v>259</v>
      </c>
    </row>
    <row r="3" spans="1:9" x14ac:dyDescent="0.25">
      <c r="A3" s="2" t="s">
        <v>7</v>
      </c>
      <c r="B3" s="2" t="s">
        <v>39</v>
      </c>
      <c r="C3" s="3" t="s">
        <v>76</v>
      </c>
      <c r="D3" s="4" t="s">
        <v>58</v>
      </c>
      <c r="E3" s="3" t="s">
        <v>151</v>
      </c>
      <c r="F3" s="4" t="s">
        <v>12</v>
      </c>
      <c r="G3" s="2" t="s">
        <v>202</v>
      </c>
      <c r="H3" s="3" t="s">
        <v>229</v>
      </c>
      <c r="I3" s="5" t="s">
        <v>260</v>
      </c>
    </row>
    <row r="4" spans="1:9" x14ac:dyDescent="0.25">
      <c r="A4" s="2" t="s">
        <v>8</v>
      </c>
      <c r="B4" s="2" t="s">
        <v>40</v>
      </c>
      <c r="C4" s="3" t="s">
        <v>77</v>
      </c>
      <c r="D4" s="5" t="s">
        <v>113</v>
      </c>
      <c r="E4" s="3" t="s">
        <v>152</v>
      </c>
      <c r="F4" s="4" t="s">
        <v>117</v>
      </c>
      <c r="G4" s="2" t="s">
        <v>203</v>
      </c>
      <c r="H4" s="3" t="s">
        <v>230</v>
      </c>
      <c r="I4" s="5" t="s">
        <v>261</v>
      </c>
    </row>
    <row r="5" spans="1:9" x14ac:dyDescent="0.25">
      <c r="A5" s="6" t="s">
        <v>9</v>
      </c>
      <c r="B5" s="2" t="s">
        <v>41</v>
      </c>
      <c r="C5" s="3" t="s">
        <v>78</v>
      </c>
      <c r="D5" s="5" t="s">
        <v>114</v>
      </c>
      <c r="E5" s="3" t="s">
        <v>3</v>
      </c>
      <c r="F5" s="4" t="s">
        <v>61</v>
      </c>
      <c r="G5" s="2" t="s">
        <v>204</v>
      </c>
      <c r="H5" s="3" t="s">
        <v>231</v>
      </c>
      <c r="I5" s="5" t="s">
        <v>262</v>
      </c>
    </row>
    <row r="6" spans="1:9" x14ac:dyDescent="0.25">
      <c r="A6" s="6" t="s">
        <v>10</v>
      </c>
      <c r="B6" s="2" t="s">
        <v>42</v>
      </c>
      <c r="C6" s="3" t="s">
        <v>79</v>
      </c>
      <c r="D6" s="5" t="s">
        <v>115</v>
      </c>
      <c r="E6" s="3" t="s">
        <v>153</v>
      </c>
      <c r="F6" s="4" t="s">
        <v>64</v>
      </c>
      <c r="G6" s="6" t="s">
        <v>44</v>
      </c>
      <c r="H6" s="3" t="s">
        <v>232</v>
      </c>
      <c r="I6" s="5" t="s">
        <v>263</v>
      </c>
    </row>
    <row r="7" spans="1:9" x14ac:dyDescent="0.25">
      <c r="A7" s="2" t="s">
        <v>11</v>
      </c>
      <c r="B7" s="6" t="s">
        <v>43</v>
      </c>
      <c r="C7" s="3" t="s">
        <v>2</v>
      </c>
      <c r="D7" s="4" t="s">
        <v>116</v>
      </c>
      <c r="E7" s="3" t="s">
        <v>154</v>
      </c>
      <c r="F7" s="5" t="s">
        <v>176</v>
      </c>
      <c r="G7" s="2" t="s">
        <v>205</v>
      </c>
      <c r="H7" s="3" t="s">
        <v>233</v>
      </c>
      <c r="I7" s="5" t="s">
        <v>264</v>
      </c>
    </row>
    <row r="8" spans="1:9" x14ac:dyDescent="0.25">
      <c r="A8" s="6" t="s">
        <v>12</v>
      </c>
      <c r="B8" s="6" t="s">
        <v>44</v>
      </c>
      <c r="C8" s="3" t="s">
        <v>80</v>
      </c>
      <c r="D8" s="4" t="s">
        <v>117</v>
      </c>
      <c r="E8" s="3" t="s">
        <v>155</v>
      </c>
      <c r="F8" s="4" t="s">
        <v>120</v>
      </c>
      <c r="G8" s="2" t="s">
        <v>206</v>
      </c>
      <c r="H8" s="3" t="s">
        <v>234</v>
      </c>
      <c r="I8" s="5" t="s">
        <v>265</v>
      </c>
    </row>
    <row r="9" spans="1:9" x14ac:dyDescent="0.25">
      <c r="A9" s="2" t="s">
        <v>13</v>
      </c>
      <c r="B9" s="6" t="s">
        <v>45</v>
      </c>
      <c r="C9" s="3" t="s">
        <v>81</v>
      </c>
      <c r="D9" s="5" t="s">
        <v>118</v>
      </c>
      <c r="E9" s="7" t="s">
        <v>41</v>
      </c>
      <c r="F9" s="5" t="s">
        <v>177</v>
      </c>
      <c r="G9" s="6" t="s">
        <v>46</v>
      </c>
      <c r="H9" s="3" t="s">
        <v>235</v>
      </c>
      <c r="I9" s="4" t="s">
        <v>122</v>
      </c>
    </row>
    <row r="10" spans="1:9" x14ac:dyDescent="0.25">
      <c r="A10" s="2" t="s">
        <v>14</v>
      </c>
      <c r="B10" s="6" t="s">
        <v>46</v>
      </c>
      <c r="C10" s="3" t="s">
        <v>82</v>
      </c>
      <c r="D10" s="5" t="s">
        <v>119</v>
      </c>
      <c r="E10" s="3" t="s">
        <v>88</v>
      </c>
      <c r="F10" s="5" t="s">
        <v>178</v>
      </c>
      <c r="G10" s="2" t="s">
        <v>207</v>
      </c>
      <c r="H10" s="3" t="s">
        <v>236</v>
      </c>
      <c r="I10" s="5" t="s">
        <v>266</v>
      </c>
    </row>
    <row r="11" spans="1:9" x14ac:dyDescent="0.25">
      <c r="A11" s="2" t="s">
        <v>15</v>
      </c>
      <c r="B11" s="2" t="s">
        <v>47</v>
      </c>
      <c r="C11" s="3" t="s">
        <v>83</v>
      </c>
      <c r="D11" s="4" t="s">
        <v>120</v>
      </c>
      <c r="E11" s="3" t="s">
        <v>156</v>
      </c>
      <c r="F11" s="5" t="s">
        <v>179</v>
      </c>
      <c r="G11" s="2" t="s">
        <v>208</v>
      </c>
      <c r="H11" s="3" t="s">
        <v>237</v>
      </c>
      <c r="I11" s="5" t="s">
        <v>267</v>
      </c>
    </row>
    <row r="12" spans="1:9" x14ac:dyDescent="0.25">
      <c r="A12" s="2" t="s">
        <v>16</v>
      </c>
      <c r="B12" s="6" t="s">
        <v>48</v>
      </c>
      <c r="C12" s="3" t="s">
        <v>84</v>
      </c>
      <c r="D12" s="5" t="s">
        <v>121</v>
      </c>
      <c r="E12" s="3" t="s">
        <v>157</v>
      </c>
      <c r="F12" s="5" t="s">
        <v>180</v>
      </c>
      <c r="G12" s="2" t="s">
        <v>209</v>
      </c>
      <c r="H12" s="3" t="s">
        <v>238</v>
      </c>
      <c r="I12" s="5" t="s">
        <v>268</v>
      </c>
    </row>
    <row r="13" spans="1:9" x14ac:dyDescent="0.25">
      <c r="A13" s="2" t="s">
        <v>17</v>
      </c>
      <c r="B13" s="6" t="s">
        <v>9</v>
      </c>
      <c r="C13" s="3" t="s">
        <v>85</v>
      </c>
      <c r="D13" s="5" t="s">
        <v>122</v>
      </c>
      <c r="E13" s="7" t="s">
        <v>43</v>
      </c>
      <c r="F13" s="5" t="s">
        <v>181</v>
      </c>
      <c r="G13" s="6" t="s">
        <v>48</v>
      </c>
      <c r="H13" s="3" t="s">
        <v>239</v>
      </c>
      <c r="I13" s="4" t="s">
        <v>20</v>
      </c>
    </row>
    <row r="14" spans="1:9" x14ac:dyDescent="0.25">
      <c r="A14" s="2" t="s">
        <v>18</v>
      </c>
      <c r="B14" s="2" t="s">
        <v>49</v>
      </c>
      <c r="C14" s="3" t="s">
        <v>86</v>
      </c>
      <c r="D14" s="5" t="s">
        <v>123</v>
      </c>
      <c r="E14" s="7" t="s">
        <v>44</v>
      </c>
      <c r="F14" s="5" t="s">
        <v>182</v>
      </c>
      <c r="G14" s="6" t="s">
        <v>101</v>
      </c>
      <c r="H14" s="3" t="s">
        <v>240</v>
      </c>
      <c r="I14" s="5" t="s">
        <v>269</v>
      </c>
    </row>
    <row r="15" spans="1:9" x14ac:dyDescent="0.25">
      <c r="A15" s="2" t="s">
        <v>19</v>
      </c>
      <c r="B15" s="6" t="s">
        <v>50</v>
      </c>
      <c r="C15" s="3" t="s">
        <v>87</v>
      </c>
      <c r="D15" s="5" t="s">
        <v>124</v>
      </c>
      <c r="E15" s="3" t="s">
        <v>158</v>
      </c>
      <c r="F15" s="5" t="s">
        <v>183</v>
      </c>
      <c r="G15" s="6" t="s">
        <v>166</v>
      </c>
      <c r="H15" s="3" t="s">
        <v>206</v>
      </c>
      <c r="I15" s="5" t="s">
        <v>270</v>
      </c>
    </row>
    <row r="16" spans="1:9" x14ac:dyDescent="0.25">
      <c r="A16" s="6" t="s">
        <v>20</v>
      </c>
      <c r="B16" s="2" t="s">
        <v>51</v>
      </c>
      <c r="C16" s="3" t="s">
        <v>88</v>
      </c>
      <c r="D16" s="5" t="s">
        <v>125</v>
      </c>
      <c r="E16" s="3" t="s">
        <v>46</v>
      </c>
      <c r="F16" s="5" t="s">
        <v>184</v>
      </c>
      <c r="G16" s="6" t="s">
        <v>54</v>
      </c>
      <c r="H16" s="7" t="s">
        <v>92</v>
      </c>
      <c r="I16" s="5" t="s">
        <v>271</v>
      </c>
    </row>
    <row r="17" spans="1:9" x14ac:dyDescent="0.25">
      <c r="A17" s="2" t="s">
        <v>21</v>
      </c>
      <c r="B17" s="6" t="s">
        <v>52</v>
      </c>
      <c r="C17" s="7" t="s">
        <v>43</v>
      </c>
      <c r="D17" s="5" t="s">
        <v>126</v>
      </c>
      <c r="E17" s="3" t="s">
        <v>159</v>
      </c>
      <c r="F17" s="5" t="s">
        <v>185</v>
      </c>
      <c r="G17" s="2" t="s">
        <v>4</v>
      </c>
      <c r="H17" s="3" t="s">
        <v>241</v>
      </c>
      <c r="I17" s="4" t="s">
        <v>130</v>
      </c>
    </row>
    <row r="18" spans="1:9" x14ac:dyDescent="0.25">
      <c r="A18" s="2" t="s">
        <v>22</v>
      </c>
      <c r="B18" s="2" t="s">
        <v>53</v>
      </c>
      <c r="C18" s="3" t="s">
        <v>281</v>
      </c>
      <c r="D18" s="5" t="s">
        <v>127</v>
      </c>
      <c r="E18" s="3" t="s">
        <v>160</v>
      </c>
      <c r="F18" s="5" t="s">
        <v>186</v>
      </c>
      <c r="G18" s="6" t="s">
        <v>55</v>
      </c>
      <c r="H18" s="3" t="s">
        <v>242</v>
      </c>
      <c r="I18" s="4" t="s">
        <v>217</v>
      </c>
    </row>
    <row r="19" spans="1:9" x14ac:dyDescent="0.25">
      <c r="A19" s="2" t="s">
        <v>23</v>
      </c>
      <c r="B19" s="6" t="s">
        <v>54</v>
      </c>
      <c r="C19" s="3" t="s">
        <v>89</v>
      </c>
      <c r="D19" s="5" t="s">
        <v>128</v>
      </c>
      <c r="E19" s="3" t="s">
        <v>161</v>
      </c>
      <c r="F19" s="5" t="s">
        <v>187</v>
      </c>
      <c r="G19" s="2" t="s">
        <v>210</v>
      </c>
      <c r="H19" s="3" t="s">
        <v>5</v>
      </c>
      <c r="I19" s="5" t="s">
        <v>133</v>
      </c>
    </row>
    <row r="20" spans="1:9" x14ac:dyDescent="0.25">
      <c r="A20" s="2" t="s">
        <v>24</v>
      </c>
      <c r="B20" s="6" t="s">
        <v>56</v>
      </c>
      <c r="C20" s="7" t="s">
        <v>45</v>
      </c>
      <c r="D20" s="5" t="s">
        <v>129</v>
      </c>
      <c r="E20" s="3" t="s">
        <v>162</v>
      </c>
      <c r="F20" s="5" t="s">
        <v>188</v>
      </c>
      <c r="G20" s="2" t="s">
        <v>211</v>
      </c>
      <c r="H20" s="3" t="s">
        <v>243</v>
      </c>
      <c r="I20" s="5" t="s">
        <v>272</v>
      </c>
    </row>
    <row r="21" spans="1:9" x14ac:dyDescent="0.25">
      <c r="A21" s="2" t="s">
        <v>25</v>
      </c>
      <c r="B21" s="2" t="s">
        <v>57</v>
      </c>
      <c r="C21" s="3" t="s">
        <v>90</v>
      </c>
      <c r="D21" s="5" t="s">
        <v>69</v>
      </c>
      <c r="E21" s="3" t="s">
        <v>163</v>
      </c>
      <c r="F21" s="5" t="s">
        <v>20</v>
      </c>
      <c r="G21" s="6" t="s">
        <v>64</v>
      </c>
      <c r="H21" s="3" t="s">
        <v>244</v>
      </c>
      <c r="I21" s="5" t="s">
        <v>273</v>
      </c>
    </row>
    <row r="22" spans="1:9" x14ac:dyDescent="0.25">
      <c r="A22" s="2" t="s">
        <v>26</v>
      </c>
      <c r="B22" s="6" t="s">
        <v>58</v>
      </c>
      <c r="C22" s="3" t="s">
        <v>91</v>
      </c>
      <c r="D22" s="5" t="s">
        <v>130</v>
      </c>
      <c r="E22" s="3" t="s">
        <v>164</v>
      </c>
      <c r="F22" s="5" t="s">
        <v>189</v>
      </c>
      <c r="G22" s="2" t="s">
        <v>212</v>
      </c>
      <c r="H22" s="3" t="s">
        <v>245</v>
      </c>
      <c r="I22" s="5" t="s">
        <v>274</v>
      </c>
    </row>
    <row r="23" spans="1:9" x14ac:dyDescent="0.25">
      <c r="A23" s="2" t="s">
        <v>27</v>
      </c>
      <c r="B23" s="6" t="s">
        <v>59</v>
      </c>
      <c r="C23" s="7" t="s">
        <v>92</v>
      </c>
      <c r="D23" s="5" t="s">
        <v>131</v>
      </c>
      <c r="E23" s="7" t="s">
        <v>50</v>
      </c>
      <c r="F23" s="5" t="s">
        <v>190</v>
      </c>
      <c r="G23" s="2" t="s">
        <v>213</v>
      </c>
      <c r="H23" s="3" t="s">
        <v>246</v>
      </c>
      <c r="I23" s="5" t="s">
        <v>275</v>
      </c>
    </row>
    <row r="24" spans="1:9" x14ac:dyDescent="0.25">
      <c r="A24" s="2" t="s">
        <v>28</v>
      </c>
      <c r="B24" s="2" t="s">
        <v>60</v>
      </c>
      <c r="C24" s="3" t="s">
        <v>93</v>
      </c>
      <c r="D24" s="5" t="s">
        <v>132</v>
      </c>
      <c r="E24" s="3" t="s">
        <v>165</v>
      </c>
      <c r="F24" s="5" t="s">
        <v>191</v>
      </c>
      <c r="G24" s="2" t="s">
        <v>214</v>
      </c>
      <c r="H24" s="3" t="s">
        <v>247</v>
      </c>
      <c r="I24" s="5" t="s">
        <v>138</v>
      </c>
    </row>
    <row r="25" spans="1:9" x14ac:dyDescent="0.25">
      <c r="A25" s="2" t="s">
        <v>29</v>
      </c>
      <c r="B25" s="6" t="s">
        <v>61</v>
      </c>
      <c r="C25" s="3" t="s">
        <v>94</v>
      </c>
      <c r="D25" s="5" t="s">
        <v>133</v>
      </c>
      <c r="E25" s="7" t="s">
        <v>166</v>
      </c>
      <c r="F25" s="5" t="s">
        <v>136</v>
      </c>
      <c r="G25" s="2" t="s">
        <v>215</v>
      </c>
      <c r="H25" s="3" t="s">
        <v>248</v>
      </c>
      <c r="I25" s="5" t="s">
        <v>276</v>
      </c>
    </row>
    <row r="26" spans="1:9" x14ac:dyDescent="0.25">
      <c r="A26" s="6" t="s">
        <v>30</v>
      </c>
      <c r="B26" s="2" t="s">
        <v>62</v>
      </c>
      <c r="C26" s="3" t="s">
        <v>95</v>
      </c>
      <c r="D26" s="5" t="s">
        <v>134</v>
      </c>
      <c r="E26" s="3" t="s">
        <v>167</v>
      </c>
      <c r="F26" s="5" t="s">
        <v>192</v>
      </c>
      <c r="G26" s="2" t="s">
        <v>216</v>
      </c>
      <c r="H26" s="3" t="s">
        <v>249</v>
      </c>
      <c r="I26" s="5" t="s">
        <v>277</v>
      </c>
    </row>
    <row r="27" spans="1:9" x14ac:dyDescent="0.25">
      <c r="A27" s="6" t="s">
        <v>31</v>
      </c>
      <c r="B27" s="2" t="s">
        <v>63</v>
      </c>
      <c r="C27" s="3" t="s">
        <v>96</v>
      </c>
      <c r="D27" s="5" t="s">
        <v>135</v>
      </c>
      <c r="E27" s="7" t="s">
        <v>52</v>
      </c>
      <c r="F27" s="5" t="s">
        <v>193</v>
      </c>
      <c r="G27" s="6" t="s">
        <v>69</v>
      </c>
      <c r="H27" s="3" t="s">
        <v>250</v>
      </c>
      <c r="I27" s="5" t="s">
        <v>70</v>
      </c>
    </row>
    <row r="28" spans="1:9" x14ac:dyDescent="0.25">
      <c r="A28" s="2" t="s">
        <v>32</v>
      </c>
      <c r="B28" s="6" t="s">
        <v>64</v>
      </c>
      <c r="C28" s="3" t="s">
        <v>97</v>
      </c>
      <c r="D28" s="5" t="s">
        <v>136</v>
      </c>
      <c r="E28" s="3" t="s">
        <v>168</v>
      </c>
      <c r="F28" s="4" t="s">
        <v>138</v>
      </c>
      <c r="G28" s="6" t="s">
        <v>217</v>
      </c>
      <c r="H28" s="3" t="s">
        <v>110</v>
      </c>
      <c r="I28" s="5" t="s">
        <v>278</v>
      </c>
    </row>
    <row r="29" spans="1:9" x14ac:dyDescent="0.25">
      <c r="A29" s="2" t="s">
        <v>33</v>
      </c>
      <c r="B29" s="2" t="s">
        <v>65</v>
      </c>
      <c r="C29" s="3" t="s">
        <v>98</v>
      </c>
      <c r="D29" s="5" t="s">
        <v>137</v>
      </c>
      <c r="E29" s="3" t="s">
        <v>169</v>
      </c>
      <c r="F29" s="5" t="s">
        <v>194</v>
      </c>
      <c r="G29" s="2" t="s">
        <v>218</v>
      </c>
      <c r="H29" s="3" t="s">
        <v>251</v>
      </c>
      <c r="I29" s="5" t="s">
        <v>72</v>
      </c>
    </row>
    <row r="30" spans="1:9" x14ac:dyDescent="0.25">
      <c r="A30" s="6" t="s">
        <v>34</v>
      </c>
      <c r="B30" s="2" t="s">
        <v>66</v>
      </c>
      <c r="C30" s="3" t="s">
        <v>99</v>
      </c>
      <c r="D30" s="5" t="s">
        <v>138</v>
      </c>
      <c r="E30" s="3" t="s">
        <v>170</v>
      </c>
      <c r="F30" s="4" t="s">
        <v>31</v>
      </c>
      <c r="G30" s="2" t="s">
        <v>219</v>
      </c>
      <c r="H30" s="7" t="s">
        <v>55</v>
      </c>
      <c r="I30" s="5" t="s">
        <v>279</v>
      </c>
    </row>
    <row r="31" spans="1:9" x14ac:dyDescent="0.25">
      <c r="A31" s="2" t="s">
        <v>35</v>
      </c>
      <c r="B31" s="2" t="s">
        <v>67</v>
      </c>
      <c r="C31" s="3" t="s">
        <v>100</v>
      </c>
      <c r="D31" s="5" t="s">
        <v>139</v>
      </c>
      <c r="E31" s="7" t="s">
        <v>107</v>
      </c>
      <c r="F31" s="5" t="s">
        <v>195</v>
      </c>
      <c r="G31" s="2" t="s">
        <v>220</v>
      </c>
      <c r="H31" s="3" t="s">
        <v>252</v>
      </c>
      <c r="I31" s="5" t="s">
        <v>280</v>
      </c>
    </row>
    <row r="32" spans="1:9" x14ac:dyDescent="0.25">
      <c r="A32" s="2" t="s">
        <v>36</v>
      </c>
      <c r="B32" s="2" t="s">
        <v>68</v>
      </c>
      <c r="C32" s="7" t="s">
        <v>101</v>
      </c>
      <c r="D32" s="5" t="s">
        <v>140</v>
      </c>
      <c r="E32" s="7" t="s">
        <v>55</v>
      </c>
      <c r="F32" s="5" t="s">
        <v>196</v>
      </c>
      <c r="G32" s="2" t="s">
        <v>221</v>
      </c>
      <c r="H32" s="3" t="s">
        <v>253</v>
      </c>
      <c r="I32" s="4" t="s">
        <v>37</v>
      </c>
    </row>
    <row r="33" spans="1:9" x14ac:dyDescent="0.25">
      <c r="A33" s="6" t="s">
        <v>37</v>
      </c>
      <c r="B33" s="6" t="s">
        <v>69</v>
      </c>
      <c r="C33" s="3" t="s">
        <v>102</v>
      </c>
      <c r="D33" s="5" t="s">
        <v>141</v>
      </c>
      <c r="E33" s="7" t="s">
        <v>111</v>
      </c>
      <c r="F33" s="5" t="s">
        <v>197</v>
      </c>
      <c r="G33" s="2" t="s">
        <v>193</v>
      </c>
      <c r="H33" s="3" t="s">
        <v>254</v>
      </c>
      <c r="I33" s="8"/>
    </row>
    <row r="34" spans="1:9" x14ac:dyDescent="0.25">
      <c r="A34" s="2"/>
      <c r="B34" s="6" t="s">
        <v>30</v>
      </c>
      <c r="C34" s="3" t="s">
        <v>103</v>
      </c>
      <c r="D34" s="5" t="s">
        <v>142</v>
      </c>
      <c r="E34" s="3" t="s">
        <v>171</v>
      </c>
      <c r="F34" s="4" t="s">
        <v>72</v>
      </c>
      <c r="G34" s="2" t="s">
        <v>222</v>
      </c>
      <c r="H34" s="3" t="s">
        <v>255</v>
      </c>
      <c r="I34" s="8"/>
    </row>
    <row r="35" spans="1:9" x14ac:dyDescent="0.25">
      <c r="A35" s="2"/>
      <c r="B35" s="6" t="s">
        <v>70</v>
      </c>
      <c r="C35" s="3" t="s">
        <v>104</v>
      </c>
      <c r="D35" s="5" t="s">
        <v>143</v>
      </c>
      <c r="E35" s="3" t="s">
        <v>172</v>
      </c>
      <c r="F35" s="5" t="s">
        <v>198</v>
      </c>
      <c r="G35" s="2" t="s">
        <v>194</v>
      </c>
      <c r="H35" s="3" t="s">
        <v>256</v>
      </c>
      <c r="I35" s="8"/>
    </row>
    <row r="36" spans="1:9" x14ac:dyDescent="0.25">
      <c r="A36" s="9"/>
      <c r="B36" s="2" t="s">
        <v>71</v>
      </c>
      <c r="C36" s="7" t="s">
        <v>10</v>
      </c>
      <c r="D36" s="5" t="s">
        <v>144</v>
      </c>
      <c r="E36" s="3" t="s">
        <v>173</v>
      </c>
      <c r="F36" s="5" t="s">
        <v>199</v>
      </c>
      <c r="G36" s="6" t="s">
        <v>31</v>
      </c>
      <c r="H36" s="7" t="s">
        <v>59</v>
      </c>
      <c r="I36" s="8"/>
    </row>
    <row r="37" spans="1:9" x14ac:dyDescent="0.25">
      <c r="A37" s="9"/>
      <c r="B37" s="6" t="s">
        <v>72</v>
      </c>
      <c r="C37" s="3" t="s">
        <v>105</v>
      </c>
      <c r="D37" s="5" t="s">
        <v>145</v>
      </c>
      <c r="E37" s="3" t="s">
        <v>174</v>
      </c>
      <c r="F37" s="5" t="s">
        <v>200</v>
      </c>
      <c r="G37" s="6" t="s">
        <v>72</v>
      </c>
      <c r="H37" s="3" t="s">
        <v>257</v>
      </c>
      <c r="I37" s="8"/>
    </row>
    <row r="38" spans="1:9" x14ac:dyDescent="0.25">
      <c r="A38" s="9"/>
      <c r="B38" s="6" t="s">
        <v>73</v>
      </c>
      <c r="C38" s="3" t="s">
        <v>106</v>
      </c>
      <c r="D38" s="5" t="s">
        <v>146</v>
      </c>
      <c r="F38" s="8"/>
      <c r="G38" s="2" t="s">
        <v>223</v>
      </c>
      <c r="H38" s="7" t="s">
        <v>116</v>
      </c>
      <c r="I38" s="8"/>
    </row>
    <row r="39" spans="1:9" x14ac:dyDescent="0.25">
      <c r="A39" s="9"/>
      <c r="B39" s="2" t="s">
        <v>74</v>
      </c>
      <c r="C39" s="7" t="s">
        <v>107</v>
      </c>
      <c r="D39" s="5" t="s">
        <v>34</v>
      </c>
      <c r="E39" s="10"/>
      <c r="F39" s="8"/>
      <c r="G39" s="2" t="s">
        <v>224</v>
      </c>
      <c r="H39" s="3" t="s">
        <v>258</v>
      </c>
      <c r="I39" s="8"/>
    </row>
    <row r="40" spans="1:9" x14ac:dyDescent="0.25">
      <c r="A40" s="9"/>
      <c r="B40" s="2"/>
      <c r="C40" s="3" t="s">
        <v>108</v>
      </c>
      <c r="D40" s="5" t="s">
        <v>35</v>
      </c>
      <c r="E40" s="10"/>
      <c r="F40" s="8"/>
      <c r="G40" s="2" t="s">
        <v>225</v>
      </c>
      <c r="H40" s="10"/>
      <c r="I40" s="8"/>
    </row>
    <row r="41" spans="1:9" x14ac:dyDescent="0.25">
      <c r="A41" s="9"/>
      <c r="B41" s="2"/>
      <c r="C41" s="3" t="s">
        <v>109</v>
      </c>
      <c r="D41" s="5" t="s">
        <v>147</v>
      </c>
      <c r="E41" s="10"/>
      <c r="F41" s="8"/>
      <c r="G41" s="2" t="s">
        <v>226</v>
      </c>
      <c r="H41" s="10"/>
      <c r="I41" s="8"/>
    </row>
    <row r="42" spans="1:9" x14ac:dyDescent="0.25">
      <c r="A42" s="9"/>
      <c r="B42" s="2"/>
      <c r="C42" s="3" t="s">
        <v>110</v>
      </c>
      <c r="D42" s="5" t="s">
        <v>73</v>
      </c>
      <c r="E42" s="10"/>
      <c r="F42" s="8"/>
      <c r="G42" s="2" t="s">
        <v>227</v>
      </c>
      <c r="H42" s="10"/>
      <c r="I42" s="8"/>
    </row>
    <row r="43" spans="1:9" x14ac:dyDescent="0.25">
      <c r="A43" s="9"/>
      <c r="B43" s="9"/>
      <c r="C43" s="7" t="s">
        <v>111</v>
      </c>
      <c r="D43" s="5" t="s">
        <v>148</v>
      </c>
      <c r="E43" s="10"/>
      <c r="F43" s="8"/>
      <c r="G43" s="9"/>
      <c r="H43" s="10"/>
      <c r="I43" s="8"/>
    </row>
    <row r="44" spans="1:9" x14ac:dyDescent="0.25">
      <c r="A44" s="11"/>
      <c r="B44" s="11"/>
      <c r="C44" s="16" t="s">
        <v>112</v>
      </c>
      <c r="D44" s="13" t="s">
        <v>149</v>
      </c>
      <c r="E44" s="12"/>
      <c r="F44" s="14"/>
      <c r="G44" s="11"/>
      <c r="H44" s="12"/>
      <c r="I44" s="14"/>
    </row>
  </sheetData>
  <mergeCells count="3">
    <mergeCell ref="C1:D1"/>
    <mergeCell ref="E1:F1"/>
    <mergeCell ref="H1:I1"/>
  </mergeCells>
  <pageMargins left="0.75" right="0.75" top="1" bottom="1" header="0.5" footer="0.5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9"/>
  <sheetViews>
    <sheetView workbookViewId="0">
      <selection activeCell="D17" sqref="A1:D17"/>
    </sheetView>
  </sheetViews>
  <sheetFormatPr defaultRowHeight="15" x14ac:dyDescent="0.25"/>
  <cols>
    <col min="1" max="1" width="11.42578125" style="1" bestFit="1" customWidth="1"/>
    <col min="2" max="2" width="12.5703125" style="1" bestFit="1" customWidth="1"/>
    <col min="3" max="3" width="11.140625" style="1" bestFit="1" customWidth="1"/>
    <col min="4" max="4" width="12.85546875" style="1" bestFit="1" customWidth="1"/>
    <col min="5" max="6" width="9.140625" style="1"/>
  </cols>
  <sheetData>
    <row r="1" spans="1:4" x14ac:dyDescent="0.25">
      <c r="A1" s="20" t="s">
        <v>282</v>
      </c>
      <c r="B1" s="20" t="s">
        <v>291</v>
      </c>
      <c r="C1" s="20" t="s">
        <v>304</v>
      </c>
      <c r="D1" s="20" t="s">
        <v>318</v>
      </c>
    </row>
    <row r="2" spans="1:4" x14ac:dyDescent="0.25">
      <c r="A2" s="20" t="s">
        <v>283</v>
      </c>
      <c r="B2" s="20" t="s">
        <v>5</v>
      </c>
      <c r="C2" s="20" t="s">
        <v>305</v>
      </c>
      <c r="D2" s="20" t="s">
        <v>200</v>
      </c>
    </row>
    <row r="3" spans="1:4" x14ac:dyDescent="0.25">
      <c r="A3" s="20" t="s">
        <v>284</v>
      </c>
      <c r="B3" s="20" t="s">
        <v>98</v>
      </c>
      <c r="C3" s="20" t="s">
        <v>121</v>
      </c>
      <c r="D3" s="20" t="s">
        <v>319</v>
      </c>
    </row>
    <row r="4" spans="1:4" x14ac:dyDescent="0.25">
      <c r="A4" s="20" t="s">
        <v>2</v>
      </c>
      <c r="B4" s="20" t="s">
        <v>246</v>
      </c>
      <c r="C4" s="20" t="s">
        <v>306</v>
      </c>
      <c r="D4" s="20" t="s">
        <v>320</v>
      </c>
    </row>
    <row r="5" spans="1:4" x14ac:dyDescent="0.25">
      <c r="A5" s="20" t="s">
        <v>231</v>
      </c>
      <c r="B5" s="20" t="s">
        <v>292</v>
      </c>
      <c r="C5" s="20" t="s">
        <v>307</v>
      </c>
      <c r="D5" s="20" t="s">
        <v>321</v>
      </c>
    </row>
    <row r="6" spans="1:4" x14ac:dyDescent="0.25">
      <c r="A6" s="20" t="s">
        <v>232</v>
      </c>
      <c r="B6" s="20" t="s">
        <v>293</v>
      </c>
      <c r="C6" s="20" t="s">
        <v>308</v>
      </c>
      <c r="D6" s="20" t="s">
        <v>322</v>
      </c>
    </row>
    <row r="7" spans="1:4" x14ac:dyDescent="0.25">
      <c r="A7" s="20" t="s">
        <v>285</v>
      </c>
      <c r="B7" s="20" t="s">
        <v>294</v>
      </c>
      <c r="C7" s="20" t="s">
        <v>125</v>
      </c>
      <c r="D7" s="20" t="s">
        <v>323</v>
      </c>
    </row>
    <row r="8" spans="1:4" x14ac:dyDescent="0.25">
      <c r="A8" s="20" t="s">
        <v>155</v>
      </c>
      <c r="B8" s="20" t="s">
        <v>295</v>
      </c>
      <c r="C8" s="20" t="s">
        <v>309</v>
      </c>
      <c r="D8" s="20" t="s">
        <v>324</v>
      </c>
    </row>
    <row r="9" spans="1:4" x14ac:dyDescent="0.25">
      <c r="A9" s="20" t="s">
        <v>286</v>
      </c>
      <c r="B9" s="20" t="s">
        <v>296</v>
      </c>
      <c r="C9" s="20" t="s">
        <v>310</v>
      </c>
      <c r="D9" s="20" t="s">
        <v>325</v>
      </c>
    </row>
    <row r="10" spans="1:4" x14ac:dyDescent="0.25">
      <c r="A10" s="20" t="s">
        <v>287</v>
      </c>
      <c r="B10" s="20" t="s">
        <v>297</v>
      </c>
      <c r="C10" s="20" t="s">
        <v>133</v>
      </c>
      <c r="D10" s="20" t="s">
        <v>144</v>
      </c>
    </row>
    <row r="11" spans="1:4" x14ac:dyDescent="0.25">
      <c r="A11" s="20" t="s">
        <v>87</v>
      </c>
      <c r="B11" s="20" t="s">
        <v>298</v>
      </c>
      <c r="C11" s="20" t="s">
        <v>311</v>
      </c>
      <c r="D11" s="20" t="s">
        <v>326</v>
      </c>
    </row>
    <row r="12" spans="1:4" x14ac:dyDescent="0.25">
      <c r="A12" s="20" t="s">
        <v>288</v>
      </c>
      <c r="B12" s="20" t="s">
        <v>299</v>
      </c>
      <c r="C12" s="20" t="s">
        <v>312</v>
      </c>
      <c r="D12" s="20" t="s">
        <v>327</v>
      </c>
    </row>
    <row r="13" spans="1:4" x14ac:dyDescent="0.25">
      <c r="A13" s="20" t="s">
        <v>289</v>
      </c>
      <c r="B13" s="20" t="s">
        <v>300</v>
      </c>
      <c r="C13" s="20" t="s">
        <v>313</v>
      </c>
      <c r="D13" s="20" t="s">
        <v>148</v>
      </c>
    </row>
    <row r="14" spans="1:4" x14ac:dyDescent="0.25">
      <c r="A14" s="20" t="s">
        <v>238</v>
      </c>
      <c r="B14" s="20" t="s">
        <v>301</v>
      </c>
      <c r="C14" s="20" t="s">
        <v>314</v>
      </c>
      <c r="D14" s="20" t="s">
        <v>328</v>
      </c>
    </row>
    <row r="15" spans="1:4" x14ac:dyDescent="0.25">
      <c r="A15" s="20" t="s">
        <v>240</v>
      </c>
      <c r="B15" s="20" t="s">
        <v>12</v>
      </c>
      <c r="C15" s="20" t="s">
        <v>315</v>
      </c>
      <c r="D15" s="20" t="s">
        <v>329</v>
      </c>
    </row>
    <row r="16" spans="1:4" x14ac:dyDescent="0.25">
      <c r="A16" s="20" t="s">
        <v>290</v>
      </c>
      <c r="B16" s="20" t="s">
        <v>302</v>
      </c>
      <c r="C16" s="20" t="s">
        <v>316</v>
      </c>
      <c r="D16" s="20"/>
    </row>
    <row r="17" spans="1:4" x14ac:dyDescent="0.25">
      <c r="A17" s="20" t="s">
        <v>92</v>
      </c>
      <c r="B17" s="20" t="s">
        <v>303</v>
      </c>
      <c r="C17" s="20" t="s">
        <v>317</v>
      </c>
      <c r="D17" s="20"/>
    </row>
    <row r="19" spans="1:4" x14ac:dyDescent="0.25">
      <c r="B19" s="19"/>
      <c r="C19" s="19"/>
      <c r="D19" s="19"/>
    </row>
  </sheetData>
  <pageMargins left="0.7" right="0.7" top="0.75" bottom="0.75" header="0.3" footer="0.3"/>
  <pageSetup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1"/>
  <sheetViews>
    <sheetView tabSelected="1" workbookViewId="0">
      <selection activeCell="D20" sqref="D20"/>
    </sheetView>
  </sheetViews>
  <sheetFormatPr defaultRowHeight="15" x14ac:dyDescent="0.25"/>
  <cols>
    <col min="1" max="1" width="13.42578125" bestFit="1" customWidth="1"/>
    <col min="2" max="2" width="19.85546875" bestFit="1" customWidth="1"/>
    <col min="3" max="3" width="20.85546875" bestFit="1" customWidth="1"/>
    <col min="4" max="4" width="18" bestFit="1" customWidth="1"/>
    <col min="5" max="5" width="24.140625" bestFit="1" customWidth="1"/>
  </cols>
  <sheetData>
    <row r="1" spans="1:7" x14ac:dyDescent="0.25">
      <c r="A1" s="15" t="s">
        <v>373</v>
      </c>
      <c r="B1" s="15" t="s">
        <v>374</v>
      </c>
      <c r="C1" s="15" t="s">
        <v>375</v>
      </c>
      <c r="D1" s="15" t="s">
        <v>376</v>
      </c>
      <c r="E1" s="15" t="s">
        <v>377</v>
      </c>
    </row>
    <row r="2" spans="1:7" x14ac:dyDescent="0.25">
      <c r="A2" s="2" t="s">
        <v>330</v>
      </c>
      <c r="B2" s="2" t="s">
        <v>331</v>
      </c>
      <c r="C2" s="2" t="s">
        <v>332</v>
      </c>
      <c r="D2" s="2" t="s">
        <v>333</v>
      </c>
      <c r="E2" s="2" t="s">
        <v>334</v>
      </c>
      <c r="F2" s="19"/>
      <c r="G2" s="19"/>
    </row>
    <row r="3" spans="1:7" x14ac:dyDescent="0.25">
      <c r="A3" s="6" t="s">
        <v>335</v>
      </c>
      <c r="B3" s="6" t="s">
        <v>336</v>
      </c>
      <c r="C3" s="6" t="s">
        <v>337</v>
      </c>
      <c r="D3" s="6" t="s">
        <v>338</v>
      </c>
      <c r="E3" s="6" t="s">
        <v>339</v>
      </c>
      <c r="F3" s="19"/>
      <c r="G3" s="19"/>
    </row>
    <row r="4" spans="1:7" x14ac:dyDescent="0.25">
      <c r="A4" s="2" t="s">
        <v>296</v>
      </c>
      <c r="B4" s="2" t="s">
        <v>340</v>
      </c>
      <c r="C4" s="2" t="s">
        <v>341</v>
      </c>
      <c r="D4" s="2" t="s">
        <v>231</v>
      </c>
      <c r="E4" s="2" t="s">
        <v>342</v>
      </c>
      <c r="F4" s="19"/>
      <c r="G4" s="19"/>
    </row>
    <row r="5" spans="1:7" x14ac:dyDescent="0.25">
      <c r="A5" s="2" t="s">
        <v>60</v>
      </c>
      <c r="B5" s="2" t="s">
        <v>343</v>
      </c>
      <c r="C5" s="2" t="s">
        <v>344</v>
      </c>
      <c r="D5" s="2" t="s">
        <v>43</v>
      </c>
      <c r="E5" s="2" t="s">
        <v>345</v>
      </c>
      <c r="F5" s="19"/>
      <c r="G5" s="19"/>
    </row>
    <row r="6" spans="1:7" x14ac:dyDescent="0.25">
      <c r="A6" s="6" t="s">
        <v>346</v>
      </c>
      <c r="B6" s="6" t="s">
        <v>347</v>
      </c>
      <c r="C6" s="6" t="s">
        <v>89</v>
      </c>
      <c r="D6" s="6" t="s">
        <v>238</v>
      </c>
      <c r="E6" s="6" t="s">
        <v>348</v>
      </c>
      <c r="F6" s="19"/>
      <c r="G6" s="19"/>
    </row>
    <row r="7" spans="1:7" x14ac:dyDescent="0.25">
      <c r="A7" s="2" t="s">
        <v>31</v>
      </c>
      <c r="B7" s="2" t="s">
        <v>349</v>
      </c>
      <c r="C7" s="2" t="s">
        <v>9</v>
      </c>
      <c r="D7" s="2" t="s">
        <v>48</v>
      </c>
      <c r="E7" s="2" t="s">
        <v>350</v>
      </c>
      <c r="F7" s="19"/>
      <c r="G7" s="19"/>
    </row>
    <row r="8" spans="1:7" x14ac:dyDescent="0.25">
      <c r="A8" s="2" t="s">
        <v>351</v>
      </c>
      <c r="B8" s="2" t="s">
        <v>352</v>
      </c>
      <c r="C8" s="2" t="s">
        <v>50</v>
      </c>
      <c r="D8" s="2" t="s">
        <v>170</v>
      </c>
      <c r="E8" s="2" t="s">
        <v>353</v>
      </c>
      <c r="F8" s="19"/>
      <c r="G8" s="19"/>
    </row>
    <row r="9" spans="1:7" x14ac:dyDescent="0.25">
      <c r="A9" s="2"/>
      <c r="B9" s="2" t="s">
        <v>354</v>
      </c>
      <c r="C9" s="2" t="s">
        <v>355</v>
      </c>
      <c r="D9" s="2" t="s">
        <v>356</v>
      </c>
      <c r="E9" s="2" t="s">
        <v>357</v>
      </c>
      <c r="F9" s="19"/>
      <c r="G9" s="19"/>
    </row>
    <row r="10" spans="1:7" x14ac:dyDescent="0.25">
      <c r="A10" s="6"/>
      <c r="B10" s="6" t="s">
        <v>358</v>
      </c>
      <c r="C10" s="6" t="s">
        <v>359</v>
      </c>
      <c r="D10" s="6" t="s">
        <v>360</v>
      </c>
      <c r="E10" s="6" t="s">
        <v>361</v>
      </c>
      <c r="F10" s="19"/>
      <c r="G10" s="19"/>
    </row>
    <row r="11" spans="1:7" x14ac:dyDescent="0.25">
      <c r="A11" s="2"/>
      <c r="B11" s="2" t="s">
        <v>126</v>
      </c>
      <c r="C11" s="2" t="s">
        <v>362</v>
      </c>
      <c r="D11" s="2" t="s">
        <v>261</v>
      </c>
      <c r="E11" s="2" t="s">
        <v>363</v>
      </c>
      <c r="F11" s="19"/>
      <c r="G11" s="19"/>
    </row>
    <row r="12" spans="1:7" x14ac:dyDescent="0.25">
      <c r="A12" s="2"/>
      <c r="B12" s="2" t="s">
        <v>129</v>
      </c>
      <c r="C12" s="2" t="s">
        <v>263</v>
      </c>
      <c r="D12" s="2" t="s">
        <v>267</v>
      </c>
      <c r="E12" s="2" t="s">
        <v>364</v>
      </c>
      <c r="F12" s="19"/>
      <c r="G12" s="19"/>
    </row>
    <row r="13" spans="1:7" x14ac:dyDescent="0.25">
      <c r="A13" s="6"/>
      <c r="B13" s="6" t="s">
        <v>365</v>
      </c>
      <c r="C13" s="6" t="s">
        <v>213</v>
      </c>
      <c r="D13" s="6" t="s">
        <v>366</v>
      </c>
      <c r="E13" s="6" t="s">
        <v>367</v>
      </c>
      <c r="F13" s="19"/>
      <c r="G13" s="19"/>
    </row>
    <row r="14" spans="1:7" x14ac:dyDescent="0.25">
      <c r="A14" s="2"/>
      <c r="B14" s="2" t="s">
        <v>368</v>
      </c>
      <c r="C14" s="2" t="s">
        <v>369</v>
      </c>
      <c r="D14" s="2"/>
      <c r="E14" s="2" t="s">
        <v>145</v>
      </c>
      <c r="F14" s="19"/>
      <c r="G14" s="19"/>
    </row>
    <row r="15" spans="1:7" x14ac:dyDescent="0.25">
      <c r="A15" s="2"/>
      <c r="B15" s="2" t="s">
        <v>31</v>
      </c>
      <c r="C15" s="2" t="s">
        <v>357</v>
      </c>
      <c r="D15" s="2"/>
      <c r="E15" s="2" t="s">
        <v>227</v>
      </c>
      <c r="F15" s="19"/>
      <c r="G15" s="19"/>
    </row>
    <row r="16" spans="1:7" x14ac:dyDescent="0.25">
      <c r="A16" s="2"/>
      <c r="B16" s="2" t="s">
        <v>370</v>
      </c>
      <c r="C16" s="2" t="s">
        <v>31</v>
      </c>
      <c r="D16" s="2"/>
      <c r="E16" s="2"/>
      <c r="F16" s="19"/>
      <c r="G16" s="19"/>
    </row>
    <row r="17" spans="1:7" x14ac:dyDescent="0.25">
      <c r="A17" s="6"/>
      <c r="B17" s="6"/>
      <c r="C17" s="6" t="s">
        <v>371</v>
      </c>
      <c r="D17" s="6"/>
      <c r="E17" s="6"/>
      <c r="F17" s="19"/>
      <c r="G17" s="19"/>
    </row>
    <row r="18" spans="1:7" x14ac:dyDescent="0.25">
      <c r="A18" s="21"/>
      <c r="B18" s="21"/>
      <c r="C18" s="21" t="s">
        <v>372</v>
      </c>
      <c r="D18" s="21"/>
      <c r="E18" s="21"/>
      <c r="F18" s="19"/>
      <c r="G18" s="19"/>
    </row>
    <row r="19" spans="1:7" x14ac:dyDescent="0.25">
      <c r="A19" s="19"/>
      <c r="B19" s="19"/>
      <c r="C19" s="19"/>
      <c r="D19" s="19"/>
      <c r="E19" s="19"/>
      <c r="F19" s="19"/>
      <c r="G19" s="19"/>
    </row>
    <row r="20" spans="1:7" x14ac:dyDescent="0.25">
      <c r="A20" s="19"/>
      <c r="B20" s="19"/>
      <c r="C20" s="19"/>
      <c r="D20" s="19"/>
      <c r="E20" s="19"/>
      <c r="F20" s="19"/>
      <c r="G20" s="19"/>
    </row>
    <row r="21" spans="1:7" x14ac:dyDescent="0.25">
      <c r="A21" s="19"/>
      <c r="B21" s="19"/>
      <c r="C21" s="19"/>
      <c r="D21" s="19"/>
      <c r="E21" s="19"/>
      <c r="F21" s="19"/>
      <c r="G21" s="19"/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Cognitive Domain</vt:lpstr>
      <vt:lpstr>Psychomotor</vt:lpstr>
      <vt:lpstr>Affectiv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cott Davis</dc:creator>
  <cp:lastModifiedBy>Scott Davis</cp:lastModifiedBy>
  <dcterms:created xsi:type="dcterms:W3CDTF">2021-01-21T19:41:04Z</dcterms:created>
  <dcterms:modified xsi:type="dcterms:W3CDTF">2021-02-10T20:54:52Z</dcterms:modified>
</cp:coreProperties>
</file>